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5351\Desktop\"/>
    </mc:Choice>
  </mc:AlternateContent>
  <xr:revisionPtr revIDLastSave="0" documentId="13_ncr:1_{B42CABA2-B3CB-4F61-A9BE-5483C386E9E8}" xr6:coauthVersionLast="47" xr6:coauthVersionMax="47" xr10:uidLastSave="{00000000-0000-0000-0000-000000000000}"/>
  <bookViews>
    <workbookView xWindow="-110" yWindow="-110" windowWidth="19420" windowHeight="10300" xr2:uid="{DA6E2429-E959-4182-837B-B50BCC433107}"/>
  </bookViews>
  <sheets>
    <sheet name="HP用251001" sheetId="8" r:id="rId1"/>
  </sheets>
  <definedNames>
    <definedName name="_xlnm._FilterDatabase" localSheetId="0" hidden="1">HP用251001!$A$3:$E$3</definedName>
    <definedName name="_xlnm.Print_Area" localSheetId="0">HP用251001!$A$1:$I$42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3" uniqueCount="118">
  <si>
    <t>相談支援センターハルモニア　</t>
  </si>
  <si>
    <t>ｉｍａｒｕ　Plan</t>
  </si>
  <si>
    <t>相談支援センター　あやはな</t>
  </si>
  <si>
    <t>相談支援事業所　がんしなー</t>
  </si>
  <si>
    <t>相談支援事業所　ふらっと</t>
  </si>
  <si>
    <t>相談支援センター　石川学院</t>
  </si>
  <si>
    <t>ライフサポート　ロウル</t>
  </si>
  <si>
    <t>うるま市仲嶺530番地34仲嶺ハイツB-13</t>
  </si>
  <si>
    <t>宜野湾市喜友名1-11-15　コーポラス喜友名406</t>
  </si>
  <si>
    <t>北中城村字安谷屋1147　3階</t>
  </si>
  <si>
    <t>北中城村瑞慶覧525番地　シャトレ崎原203号</t>
  </si>
  <si>
    <t>北谷町北前1-10-8</t>
  </si>
  <si>
    <t>嘉手納町字屋良1059番地11</t>
  </si>
  <si>
    <t>うるま市石川東山本町2-12-15</t>
  </si>
  <si>
    <t>西原町字翁長287-2-B号室</t>
  </si>
  <si>
    <t>098-973-0502</t>
  </si>
  <si>
    <t>098-892-2577</t>
  </si>
  <si>
    <t>098-923-0315</t>
  </si>
  <si>
    <t>098-988-7111</t>
  </si>
  <si>
    <t>098-936-4168</t>
  </si>
  <si>
    <t>098-989-1720</t>
  </si>
  <si>
    <t>090-6860-9296</t>
  </si>
  <si>
    <t>相談支援事業所 美々凛</t>
  </si>
  <si>
    <t>相談支援事業所アペックスプラン</t>
  </si>
  <si>
    <t>相談支援事業所あさひ</t>
  </si>
  <si>
    <t>相談支援事業所　Merci （メルシー）</t>
  </si>
  <si>
    <t>相談支援事業所　なごみ</t>
  </si>
  <si>
    <t>ピアセンター　イルカ</t>
  </si>
  <si>
    <t>相談支援事業所　彩風の杜</t>
  </si>
  <si>
    <t>支援センターShaft</t>
  </si>
  <si>
    <t>相談支援事業所　mirujojo office</t>
  </si>
  <si>
    <t>うるま市字西原199番地12</t>
  </si>
  <si>
    <t>中城村字南上原199番地1</t>
  </si>
  <si>
    <t>中城村字南上原717-1　1F</t>
  </si>
  <si>
    <t>うるま市字赤道1番地9</t>
  </si>
  <si>
    <t>うるま市栄野比939番地</t>
  </si>
  <si>
    <t>宜野湾市伊佐4-4-1</t>
  </si>
  <si>
    <t>うるま市みどり町五丁目3番1号</t>
  </si>
  <si>
    <t>宜野湾市上原1丁目18番13-301号</t>
  </si>
  <si>
    <t>読谷村字宇座14番地3　伊良皆家102号室</t>
  </si>
  <si>
    <t>098-962-2026</t>
  </si>
  <si>
    <t>098-894-9001</t>
  </si>
  <si>
    <t>098-895-2202</t>
  </si>
  <si>
    <t>098-972-6029</t>
  </si>
  <si>
    <t>098-890-1896</t>
  </si>
  <si>
    <t>098-896-1103</t>
  </si>
  <si>
    <t>098-975-8006</t>
  </si>
  <si>
    <t>090-5945-0245</t>
  </si>
  <si>
    <t>098-921-6431</t>
  </si>
  <si>
    <t>特定相談支援事業所つながり</t>
  </si>
  <si>
    <t>相談支援事業所IMUA</t>
  </si>
  <si>
    <t>Space9.</t>
  </si>
  <si>
    <t>相談支援事業所すみれ</t>
  </si>
  <si>
    <t>支援センターLaki</t>
  </si>
  <si>
    <t>北谷町字桑江473番地5 国体マンション101</t>
  </si>
  <si>
    <t>うるま市与那城平安座505番地 103号</t>
  </si>
  <si>
    <t>うるま市赤道687番地</t>
  </si>
  <si>
    <t>宜野座村字宜野座1230番地の２　SKYハイツ201</t>
  </si>
  <si>
    <t>098-975-6181</t>
  </si>
  <si>
    <t>098-936-9350</t>
  </si>
  <si>
    <t>098-989-1231</t>
  </si>
  <si>
    <t>080-7363-9104</t>
  </si>
  <si>
    <t>電話番号</t>
    <phoneticPr fontId="1"/>
  </si>
  <si>
    <t>住所</t>
    <phoneticPr fontId="1"/>
  </si>
  <si>
    <t>事業所名</t>
    <phoneticPr fontId="1"/>
  </si>
  <si>
    <t>指定特定相談</t>
    <phoneticPr fontId="1"/>
  </si>
  <si>
    <t>指定障害児相談</t>
    <phoneticPr fontId="1"/>
  </si>
  <si>
    <t>なし</t>
    <phoneticPr fontId="1"/>
  </si>
  <si>
    <t>アズールシークサポート</t>
    <phoneticPr fontId="1"/>
  </si>
  <si>
    <t>読谷村字長浜５番地１</t>
    <rPh sb="4" eb="6">
      <t>ナガハマ</t>
    </rPh>
    <phoneticPr fontId="1"/>
  </si>
  <si>
    <t>080-9451-7889</t>
    <phoneticPr fontId="1"/>
  </si>
  <si>
    <t>相談支援事業所みずほ</t>
    <phoneticPr fontId="1"/>
  </si>
  <si>
    <t>098-895-3500</t>
    <phoneticPr fontId="1"/>
  </si>
  <si>
    <t>おきなわインターナショナル相談支援事業所</t>
    <phoneticPr fontId="1"/>
  </si>
  <si>
    <t>北谷町美浜二丁目2番地４富川マンション503号室</t>
    <phoneticPr fontId="1"/>
  </si>
  <si>
    <t>相談支援事業所もですと</t>
    <rPh sb="0" eb="7">
      <t>ソウダンシエンジギョウショ</t>
    </rPh>
    <phoneticPr fontId="1"/>
  </si>
  <si>
    <t>相談支援事業所みらい</t>
    <phoneticPr fontId="1"/>
  </si>
  <si>
    <t>相談支援事業所みらすくフラワー</t>
    <rPh sb="0" eb="4">
      <t>ソウダンシエン</t>
    </rPh>
    <rPh sb="4" eb="7">
      <t>ジギョウショ</t>
    </rPh>
    <phoneticPr fontId="1"/>
  </si>
  <si>
    <t>宜野湾市野嵩１丁目43番12号２F</t>
    <rPh sb="0" eb="4">
      <t>ギノワンシ</t>
    </rPh>
    <rPh sb="4" eb="6">
      <t>ノダケ</t>
    </rPh>
    <rPh sb="7" eb="9">
      <t>チョウメ</t>
    </rPh>
    <rPh sb="11" eb="12">
      <t>バン</t>
    </rPh>
    <rPh sb="14" eb="15">
      <t>ゴウ</t>
    </rPh>
    <phoneticPr fontId="1"/>
  </si>
  <si>
    <t>090-3795-5346</t>
    <phoneticPr fontId="1"/>
  </si>
  <si>
    <t>098-955-6587</t>
    <phoneticPr fontId="1"/>
  </si>
  <si>
    <t>相談支援事業所はじまり</t>
    <phoneticPr fontId="1"/>
  </si>
  <si>
    <t>070-1437-4678</t>
    <phoneticPr fontId="1"/>
  </si>
  <si>
    <t>相談支援事業所　かなでるプラン</t>
  </si>
  <si>
    <t>090-1947-8987</t>
    <phoneticPr fontId="1"/>
  </si>
  <si>
    <t>相談支援事業所MIRAI’Z</t>
    <rPh sb="0" eb="2">
      <t>ソウダン</t>
    </rPh>
    <rPh sb="2" eb="4">
      <t>シエン</t>
    </rPh>
    <rPh sb="4" eb="7">
      <t>ジギョウショ</t>
    </rPh>
    <phoneticPr fontId="1"/>
  </si>
  <si>
    <t>080-6497-1775</t>
    <phoneticPr fontId="1"/>
  </si>
  <si>
    <t>相談支援事業所ＩＮＦＩＴ　</t>
    <rPh sb="0" eb="2">
      <t>ソウダン</t>
    </rPh>
    <rPh sb="2" eb="4">
      <t>シエン</t>
    </rPh>
    <rPh sb="4" eb="7">
      <t>ジギョウショ</t>
    </rPh>
    <phoneticPr fontId="1"/>
  </si>
  <si>
    <t>098-975-7851</t>
    <phoneticPr fontId="1"/>
  </si>
  <si>
    <t>SOU CONNECT</t>
    <phoneticPr fontId="1"/>
  </si>
  <si>
    <t>098-894-9226</t>
    <phoneticPr fontId="1"/>
  </si>
  <si>
    <t>相談センターすまいるＰＬＵＳ</t>
    <rPh sb="0" eb="2">
      <t>ソウダン</t>
    </rPh>
    <phoneticPr fontId="1"/>
  </si>
  <si>
    <t>098-943-1904</t>
    <phoneticPr fontId="1"/>
  </si>
  <si>
    <t>宜野湾市普天間1丁目1番17号メトロシティビル１</t>
    <rPh sb="0" eb="4">
      <t>ギノワンシ</t>
    </rPh>
    <rPh sb="4" eb="7">
      <t>フテンマ</t>
    </rPh>
    <rPh sb="14" eb="15">
      <t>ゴウ</t>
    </rPh>
    <phoneticPr fontId="1"/>
  </si>
  <si>
    <t>エール総合事務所</t>
    <phoneticPr fontId="1"/>
  </si>
  <si>
    <t>北谷町字吉原742-5 稲嶺アパート ＃２Ｂ</t>
    <phoneticPr fontId="1"/>
  </si>
  <si>
    <t>相談支援事業所　デイジー</t>
    <phoneticPr fontId="1"/>
  </si>
  <si>
    <t>090-7065-2474</t>
    <phoneticPr fontId="1"/>
  </si>
  <si>
    <t>080-5539-3550</t>
    <phoneticPr fontId="1"/>
  </si>
  <si>
    <t>098-964-2445</t>
    <phoneticPr fontId="1"/>
  </si>
  <si>
    <t>相談支援事業所たまいせ</t>
  </si>
  <si>
    <t>090-9781-4710</t>
    <phoneticPr fontId="1"/>
  </si>
  <si>
    <t>098-963-9942</t>
    <phoneticPr fontId="1"/>
  </si>
  <si>
    <t>098-914-1437</t>
    <phoneticPr fontId="1"/>
  </si>
  <si>
    <t>080-4095-2473</t>
    <phoneticPr fontId="1"/>
  </si>
  <si>
    <t>アソシアナビ北谷</t>
    <rPh sb="6" eb="7">
      <t>キタ</t>
    </rPh>
    <rPh sb="7" eb="8">
      <t>タニ</t>
    </rPh>
    <phoneticPr fontId="1"/>
  </si>
  <si>
    <t>宜野湾市愛知３丁目１８番５２号　２階</t>
    <phoneticPr fontId="1"/>
  </si>
  <si>
    <t>うるま市田場５２番地２</t>
    <phoneticPr fontId="1"/>
  </si>
  <si>
    <t>宜野湾市志真志2丁目17番10号ちぶがーらハウジング308</t>
    <rPh sb="0" eb="3">
      <t>ギノワン</t>
    </rPh>
    <rPh sb="3" eb="4">
      <t>シ</t>
    </rPh>
    <rPh sb="4" eb="5">
      <t>シ</t>
    </rPh>
    <rPh sb="5" eb="6">
      <t>マ</t>
    </rPh>
    <rPh sb="6" eb="7">
      <t>シ</t>
    </rPh>
    <rPh sb="8" eb="10">
      <t>チョウメ</t>
    </rPh>
    <rPh sb="12" eb="13">
      <t>バン</t>
    </rPh>
    <rPh sb="15" eb="16">
      <t>ゴウ</t>
    </rPh>
    <phoneticPr fontId="1"/>
  </si>
  <si>
    <t>中城村北上原８７９</t>
    <phoneticPr fontId="1"/>
  </si>
  <si>
    <t>うるま市前原228-1</t>
    <phoneticPr fontId="1"/>
  </si>
  <si>
    <t>北中城村字喜舎場６6番地11　　2階</t>
    <rPh sb="0" eb="1">
      <t>キタ</t>
    </rPh>
    <rPh sb="4" eb="5">
      <t>アザ</t>
    </rPh>
    <rPh sb="5" eb="8">
      <t>キシャバ</t>
    </rPh>
    <rPh sb="10" eb="12">
      <t>バンチ</t>
    </rPh>
    <rPh sb="17" eb="18">
      <t>カイ</t>
    </rPh>
    <phoneticPr fontId="1"/>
  </si>
  <si>
    <t>うるま市昆布941-1・2F</t>
    <rPh sb="3" eb="4">
      <t>シ</t>
    </rPh>
    <rPh sb="4" eb="6">
      <t>コンブ</t>
    </rPh>
    <phoneticPr fontId="1"/>
  </si>
  <si>
    <t>宜野湾市愛知3丁目５番２１号　２階</t>
    <rPh sb="0" eb="4">
      <t>ギノワンシ</t>
    </rPh>
    <rPh sb="4" eb="6">
      <t>アイチ</t>
    </rPh>
    <rPh sb="7" eb="9">
      <t>チョウメ</t>
    </rPh>
    <rPh sb="10" eb="11">
      <t>バン</t>
    </rPh>
    <rPh sb="13" eb="14">
      <t>ゴウ</t>
    </rPh>
    <rPh sb="16" eb="17">
      <t>カイ</t>
    </rPh>
    <phoneticPr fontId="1"/>
  </si>
  <si>
    <t>宜野湾市上原２－１－８</t>
    <rPh sb="0" eb="4">
      <t>ギノワンシ</t>
    </rPh>
    <rPh sb="4" eb="6">
      <t>ウエハラ</t>
    </rPh>
    <phoneticPr fontId="1"/>
  </si>
  <si>
    <t>うるま市字喜屋武423番地　メゾン・サンモールB５</t>
    <phoneticPr fontId="1"/>
  </si>
  <si>
    <t>浦添市港川252-5　プレミスト浦添港川1106</t>
    <phoneticPr fontId="1"/>
  </si>
  <si>
    <t>市外_指定特定相談支援・指定障害児相談支援_事業所一覧（令和7年10月1日更新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0.5"/>
      <color theme="1"/>
      <name val="Meiryo UI"/>
      <family val="3"/>
      <charset val="128"/>
    </font>
    <font>
      <sz val="10.5"/>
      <color rgb="FF000000"/>
      <name val="Meiryo UI"/>
      <family val="3"/>
      <charset val="128"/>
    </font>
    <font>
      <sz val="11"/>
      <color theme="1"/>
      <name val="Meiryo UI"/>
      <family val="3"/>
      <charset val="128"/>
    </font>
    <font>
      <sz val="11"/>
      <color rgb="FF000000"/>
      <name val="Meiryo UI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  <fill>
      <patternFill patternType="solid">
        <fgColor rgb="FFFFFF00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8">
    <xf numFmtId="0" fontId="0" fillId="0" borderId="0" xfId="0">
      <alignment vertical="center"/>
    </xf>
    <xf numFmtId="0" fontId="2" fillId="2" borderId="1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3" borderId="1" xfId="0" applyFont="1" applyFill="1" applyBorder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0" fontId="2" fillId="0" borderId="1" xfId="0" applyFont="1" applyFill="1" applyBorder="1">
      <alignment vertical="center"/>
    </xf>
    <xf numFmtId="0" fontId="2" fillId="0" borderId="0" xfId="0" applyFont="1" applyFill="1">
      <alignment vertical="center"/>
    </xf>
    <xf numFmtId="0" fontId="2" fillId="0" borderId="1" xfId="0" applyFont="1" applyBorder="1">
      <alignment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right" vertical="center"/>
    </xf>
    <xf numFmtId="0" fontId="2" fillId="0" borderId="1" xfId="0" applyFont="1" applyBorder="1" applyAlignment="1">
      <alignment horizontal="center" vertical="center"/>
    </xf>
    <xf numFmtId="0" fontId="4" fillId="2" borderId="1" xfId="0" applyFont="1" applyFill="1" applyBorder="1" applyAlignment="1">
      <alignment horizontal="justify" vertical="center" shrinkToFit="1"/>
    </xf>
    <xf numFmtId="0" fontId="5" fillId="2" borderId="1" xfId="0" applyFont="1" applyFill="1" applyBorder="1" applyAlignment="1">
      <alignment horizontal="justify" vertical="center" shrinkToFit="1"/>
    </xf>
    <xf numFmtId="0" fontId="4" fillId="0" borderId="1" xfId="0" applyFont="1" applyBorder="1" applyAlignment="1">
      <alignment vertical="center" shrinkToFit="1"/>
    </xf>
    <xf numFmtId="0" fontId="4" fillId="2" borderId="0" xfId="0" applyFont="1" applyFill="1" applyBorder="1" applyAlignment="1">
      <alignment horizontal="justify" vertical="center" shrinkToFit="1"/>
    </xf>
    <xf numFmtId="0" fontId="2" fillId="3" borderId="2" xfId="0" applyFont="1" applyFill="1" applyBorder="1" applyAlignment="1">
      <alignment horizontal="center" vertical="center"/>
    </xf>
    <xf numFmtId="0" fontId="4" fillId="0" borderId="0" xfId="0" applyFont="1" applyAlignment="1">
      <alignment vertical="center" shrinkToFit="1"/>
    </xf>
    <xf numFmtId="0" fontId="4" fillId="0" borderId="2" xfId="0" applyFont="1" applyBorder="1" applyAlignment="1">
      <alignment vertical="center" shrinkToFit="1"/>
    </xf>
    <xf numFmtId="0" fontId="4" fillId="2" borderId="2" xfId="0" applyFont="1" applyFill="1" applyBorder="1" applyAlignment="1">
      <alignment horizontal="justify" vertical="center" shrinkToFit="1"/>
    </xf>
    <xf numFmtId="0" fontId="4" fillId="2" borderId="2" xfId="0" applyFont="1" applyFill="1" applyBorder="1" applyAlignment="1">
      <alignment horizontal="left" vertical="center" shrinkToFit="1"/>
    </xf>
    <xf numFmtId="0" fontId="5" fillId="2" borderId="2" xfId="0" applyFont="1" applyFill="1" applyBorder="1" applyAlignment="1">
      <alignment horizontal="justify" vertical="center" shrinkToFit="1"/>
    </xf>
    <xf numFmtId="0" fontId="4" fillId="0" borderId="1" xfId="0" applyFont="1" applyFill="1" applyBorder="1" applyAlignment="1">
      <alignment vertical="center" shrinkToFit="1"/>
    </xf>
    <xf numFmtId="0" fontId="4" fillId="0" borderId="2" xfId="0" applyFont="1" applyFill="1" applyBorder="1" applyAlignment="1">
      <alignment vertical="center" shrinkToFit="1"/>
    </xf>
    <xf numFmtId="0" fontId="4" fillId="0" borderId="1" xfId="0" applyFont="1" applyFill="1" applyBorder="1" applyAlignment="1">
      <alignment horizontal="justify" vertical="center" shrinkToFit="1"/>
    </xf>
    <xf numFmtId="0" fontId="4" fillId="0" borderId="2" xfId="0" applyFont="1" applyFill="1" applyBorder="1" applyAlignment="1">
      <alignment horizontal="justify" vertical="center" shrinkToFit="1"/>
    </xf>
    <xf numFmtId="0" fontId="2" fillId="0" borderId="1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902017-6B10-4AB5-B79A-F1E554BEFAF8}">
  <dimension ref="A2:E42"/>
  <sheetViews>
    <sheetView tabSelected="1" view="pageBreakPreview" topLeftCell="A19" zoomScaleNormal="100" zoomScaleSheetLayoutView="100" workbookViewId="0">
      <selection activeCell="C28" sqref="C28"/>
    </sheetView>
  </sheetViews>
  <sheetFormatPr defaultColWidth="8.58203125" defaultRowHeight="14" x14ac:dyDescent="0.55000000000000004"/>
  <cols>
    <col min="1" max="1" width="13.25" style="3" bestFit="1" customWidth="1"/>
    <col min="2" max="2" width="14.5" style="3" bestFit="1" customWidth="1"/>
    <col min="3" max="3" width="30.83203125" style="3" bestFit="1" customWidth="1"/>
    <col min="4" max="4" width="39.33203125" style="3" bestFit="1" customWidth="1"/>
    <col min="5" max="5" width="14.5" style="4" bestFit="1" customWidth="1"/>
    <col min="6" max="16384" width="8.58203125" style="3"/>
  </cols>
  <sheetData>
    <row r="2" spans="1:5" x14ac:dyDescent="0.55000000000000004">
      <c r="B2" s="3" t="s">
        <v>117</v>
      </c>
    </row>
    <row r="3" spans="1:5" s="6" customFormat="1" ht="15" customHeight="1" x14ac:dyDescent="0.55000000000000004">
      <c r="A3" s="5" t="s">
        <v>65</v>
      </c>
      <c r="B3" s="5" t="s">
        <v>66</v>
      </c>
      <c r="C3" s="5" t="s">
        <v>64</v>
      </c>
      <c r="D3" s="17" t="s">
        <v>63</v>
      </c>
      <c r="E3" s="5" t="s">
        <v>62</v>
      </c>
    </row>
    <row r="4" spans="1:5" s="8" customFormat="1" ht="15" customHeight="1" x14ac:dyDescent="0.55000000000000004">
      <c r="A4" s="9">
        <v>4731300457</v>
      </c>
      <c r="B4" s="9">
        <v>4771300342</v>
      </c>
      <c r="C4" s="15" t="s">
        <v>85</v>
      </c>
      <c r="D4" s="19" t="s">
        <v>112</v>
      </c>
      <c r="E4" s="12" t="s">
        <v>86</v>
      </c>
    </row>
    <row r="5" spans="1:5" s="8" customFormat="1" ht="15" customHeight="1" x14ac:dyDescent="0.55000000000000004">
      <c r="A5" s="7">
        <v>4731300325</v>
      </c>
      <c r="B5" s="7">
        <v>4771300201</v>
      </c>
      <c r="C5" s="13" t="s">
        <v>29</v>
      </c>
      <c r="D5" s="20" t="s">
        <v>37</v>
      </c>
      <c r="E5" s="1" t="s">
        <v>46</v>
      </c>
    </row>
    <row r="6" spans="1:5" s="8" customFormat="1" ht="15" customHeight="1" x14ac:dyDescent="0.55000000000000004">
      <c r="A6" s="7">
        <v>4731300119</v>
      </c>
      <c r="B6" s="11">
        <v>4771300029</v>
      </c>
      <c r="C6" s="13" t="s">
        <v>26</v>
      </c>
      <c r="D6" s="20" t="s">
        <v>35</v>
      </c>
      <c r="E6" s="1" t="s">
        <v>43</v>
      </c>
    </row>
    <row r="7" spans="1:5" s="8" customFormat="1" ht="15" customHeight="1" x14ac:dyDescent="0.55000000000000004">
      <c r="A7" s="7">
        <v>4731300473</v>
      </c>
      <c r="B7" s="7">
        <v>4771300367</v>
      </c>
      <c r="C7" s="23" t="s">
        <v>96</v>
      </c>
      <c r="D7" s="24" t="s">
        <v>115</v>
      </c>
      <c r="E7" s="10" t="s">
        <v>97</v>
      </c>
    </row>
    <row r="8" spans="1:5" s="8" customFormat="1" ht="15" customHeight="1" x14ac:dyDescent="0.55000000000000004">
      <c r="A8" s="7">
        <v>4731300291</v>
      </c>
      <c r="B8" s="7">
        <v>4771300177</v>
      </c>
      <c r="C8" s="13" t="s">
        <v>22</v>
      </c>
      <c r="D8" s="20" t="s">
        <v>31</v>
      </c>
      <c r="E8" s="1" t="s">
        <v>40</v>
      </c>
    </row>
    <row r="9" spans="1:5" s="8" customFormat="1" ht="15" customHeight="1" x14ac:dyDescent="0.55000000000000004">
      <c r="A9" s="7">
        <v>4731300309</v>
      </c>
      <c r="B9" s="7">
        <v>4771300185</v>
      </c>
      <c r="C9" s="13" t="s">
        <v>25</v>
      </c>
      <c r="D9" s="20" t="s">
        <v>34</v>
      </c>
      <c r="E9" s="1" t="s">
        <v>103</v>
      </c>
    </row>
    <row r="10" spans="1:5" s="8" customFormat="1" ht="15" customHeight="1" x14ac:dyDescent="0.55000000000000004">
      <c r="A10" s="7">
        <v>4731300127</v>
      </c>
      <c r="B10" s="10" t="s">
        <v>67</v>
      </c>
      <c r="C10" s="13" t="s">
        <v>5</v>
      </c>
      <c r="D10" s="20" t="s">
        <v>13</v>
      </c>
      <c r="E10" s="1" t="s">
        <v>99</v>
      </c>
    </row>
    <row r="11" spans="1:5" s="8" customFormat="1" ht="15" customHeight="1" x14ac:dyDescent="0.55000000000000004">
      <c r="A11" s="7">
        <v>4731300416</v>
      </c>
      <c r="B11" s="7">
        <v>4771300284</v>
      </c>
      <c r="C11" s="13" t="s">
        <v>73</v>
      </c>
      <c r="D11" s="20" t="s">
        <v>56</v>
      </c>
      <c r="E11" s="1" t="s">
        <v>61</v>
      </c>
    </row>
    <row r="12" spans="1:5" s="8" customFormat="1" ht="15" customHeight="1" x14ac:dyDescent="0.55000000000000004">
      <c r="A12" s="9">
        <v>4731300440</v>
      </c>
      <c r="B12" s="9">
        <v>4771300334</v>
      </c>
      <c r="C12" s="15" t="s">
        <v>81</v>
      </c>
      <c r="D12" s="19" t="s">
        <v>110</v>
      </c>
      <c r="E12" s="12" t="s">
        <v>82</v>
      </c>
    </row>
    <row r="13" spans="1:5" s="8" customFormat="1" ht="15" customHeight="1" x14ac:dyDescent="0.55000000000000004">
      <c r="A13" s="7">
        <v>4731300135</v>
      </c>
      <c r="B13" s="10" t="s">
        <v>67</v>
      </c>
      <c r="C13" s="13" t="s">
        <v>0</v>
      </c>
      <c r="D13" s="20" t="s">
        <v>7</v>
      </c>
      <c r="E13" s="1" t="s">
        <v>15</v>
      </c>
    </row>
    <row r="14" spans="1:5" s="8" customFormat="1" ht="15" customHeight="1" x14ac:dyDescent="0.55000000000000004">
      <c r="A14" s="7">
        <v>4731300374</v>
      </c>
      <c r="B14" s="7">
        <v>4771300250</v>
      </c>
      <c r="C14" s="13" t="s">
        <v>49</v>
      </c>
      <c r="D14" s="20" t="s">
        <v>107</v>
      </c>
      <c r="E14" s="1" t="s">
        <v>58</v>
      </c>
    </row>
    <row r="15" spans="1:5" s="8" customFormat="1" ht="15" customHeight="1" x14ac:dyDescent="0.55000000000000004">
      <c r="A15" s="7">
        <v>4731300390</v>
      </c>
      <c r="B15" s="7">
        <v>4771300268</v>
      </c>
      <c r="C15" s="13" t="s">
        <v>52</v>
      </c>
      <c r="D15" s="20" t="s">
        <v>55</v>
      </c>
      <c r="E15" s="1" t="s">
        <v>60</v>
      </c>
    </row>
    <row r="16" spans="1:5" s="8" customFormat="1" ht="15" customHeight="1" x14ac:dyDescent="0.55000000000000004">
      <c r="A16" s="9">
        <v>4731200400</v>
      </c>
      <c r="B16" s="9">
        <v>4771200328</v>
      </c>
      <c r="C16" s="15" t="s">
        <v>83</v>
      </c>
      <c r="D16" s="19" t="s">
        <v>111</v>
      </c>
      <c r="E16" s="12" t="s">
        <v>84</v>
      </c>
    </row>
    <row r="17" spans="1:5" s="8" customFormat="1" ht="15" customHeight="1" x14ac:dyDescent="0.55000000000000004">
      <c r="A17" s="7">
        <v>4731200244</v>
      </c>
      <c r="B17" s="7">
        <v>4771200203</v>
      </c>
      <c r="C17" s="13" t="s">
        <v>75</v>
      </c>
      <c r="D17" s="20" t="s">
        <v>9</v>
      </c>
      <c r="E17" s="1" t="s">
        <v>17</v>
      </c>
    </row>
    <row r="18" spans="1:5" s="8" customFormat="1" ht="15" customHeight="1" x14ac:dyDescent="0.55000000000000004">
      <c r="A18" s="7">
        <v>4731200277</v>
      </c>
      <c r="B18" s="7">
        <v>4771200237</v>
      </c>
      <c r="C18" s="13" t="s">
        <v>2</v>
      </c>
      <c r="D18" s="20" t="s">
        <v>10</v>
      </c>
      <c r="E18" s="1" t="s">
        <v>18</v>
      </c>
    </row>
    <row r="19" spans="1:5" s="8" customFormat="1" ht="15" customHeight="1" x14ac:dyDescent="0.55000000000000004">
      <c r="A19" s="9">
        <v>4730900273</v>
      </c>
      <c r="B19" s="9" t="s">
        <v>67</v>
      </c>
      <c r="C19" s="15" t="s">
        <v>87</v>
      </c>
      <c r="D19" s="19" t="s">
        <v>113</v>
      </c>
      <c r="E19" s="12" t="s">
        <v>88</v>
      </c>
    </row>
    <row r="20" spans="1:5" s="8" customFormat="1" ht="15" customHeight="1" x14ac:dyDescent="0.55000000000000004">
      <c r="A20" s="9">
        <v>4730900182</v>
      </c>
      <c r="B20" s="9">
        <v>4770900126</v>
      </c>
      <c r="C20" s="15" t="s">
        <v>89</v>
      </c>
      <c r="D20" s="19" t="s">
        <v>114</v>
      </c>
      <c r="E20" s="12" t="s">
        <v>90</v>
      </c>
    </row>
    <row r="21" spans="1:5" s="8" customFormat="1" ht="28" customHeight="1" x14ac:dyDescent="0.55000000000000004">
      <c r="A21" s="7">
        <v>4730900299</v>
      </c>
      <c r="B21" s="7">
        <v>4770900217</v>
      </c>
      <c r="C21" s="13" t="s">
        <v>51</v>
      </c>
      <c r="D21" s="20" t="s">
        <v>108</v>
      </c>
      <c r="E21" s="1" t="s">
        <v>98</v>
      </c>
    </row>
    <row r="22" spans="1:5" s="8" customFormat="1" ht="15" customHeight="1" x14ac:dyDescent="0.55000000000000004">
      <c r="A22" s="7">
        <v>4730900315</v>
      </c>
      <c r="B22" s="7">
        <v>4770900233</v>
      </c>
      <c r="C22" s="13" t="s">
        <v>77</v>
      </c>
      <c r="D22" s="21" t="s">
        <v>78</v>
      </c>
      <c r="E22" s="1" t="s">
        <v>79</v>
      </c>
    </row>
    <row r="23" spans="1:5" s="8" customFormat="1" ht="15" customHeight="1" x14ac:dyDescent="0.55000000000000004">
      <c r="A23" s="9">
        <v>4730900323</v>
      </c>
      <c r="B23" s="9">
        <v>4770900241</v>
      </c>
      <c r="C23" s="15" t="s">
        <v>91</v>
      </c>
      <c r="D23" s="19" t="s">
        <v>93</v>
      </c>
      <c r="E23" s="12" t="s">
        <v>92</v>
      </c>
    </row>
    <row r="24" spans="1:5" s="8" customFormat="1" ht="15" customHeight="1" x14ac:dyDescent="0.55000000000000004">
      <c r="A24" s="7">
        <v>4731200046</v>
      </c>
      <c r="B24" s="7">
        <v>4771200021</v>
      </c>
      <c r="C24" s="13" t="s">
        <v>28</v>
      </c>
      <c r="D24" s="20" t="s">
        <v>106</v>
      </c>
      <c r="E24" s="1" t="s">
        <v>45</v>
      </c>
    </row>
    <row r="25" spans="1:5" s="8" customFormat="1" ht="15" customHeight="1" x14ac:dyDescent="0.55000000000000004">
      <c r="A25" s="7">
        <v>4730900059</v>
      </c>
      <c r="B25" s="7">
        <v>4770900019</v>
      </c>
      <c r="C25" s="13" t="s">
        <v>27</v>
      </c>
      <c r="D25" s="20" t="s">
        <v>36</v>
      </c>
      <c r="E25" s="1" t="s">
        <v>44</v>
      </c>
    </row>
    <row r="26" spans="1:5" s="8" customFormat="1" ht="15" customHeight="1" x14ac:dyDescent="0.55000000000000004">
      <c r="A26" s="7">
        <v>4730900174</v>
      </c>
      <c r="B26" s="7">
        <v>4770900118</v>
      </c>
      <c r="C26" s="13" t="s">
        <v>1</v>
      </c>
      <c r="D26" s="20" t="s">
        <v>8</v>
      </c>
      <c r="E26" s="1" t="s">
        <v>16</v>
      </c>
    </row>
    <row r="27" spans="1:5" s="8" customFormat="1" ht="15" customHeight="1" x14ac:dyDescent="0.55000000000000004">
      <c r="A27" s="7">
        <v>4730900281</v>
      </c>
      <c r="B27" s="7">
        <v>4770900209</v>
      </c>
      <c r="C27" s="13" t="s">
        <v>76</v>
      </c>
      <c r="D27" s="20" t="s">
        <v>38</v>
      </c>
      <c r="E27" s="1" t="s">
        <v>47</v>
      </c>
    </row>
    <row r="28" spans="1:5" s="8" customFormat="1" ht="15" customHeight="1" x14ac:dyDescent="0.55000000000000004">
      <c r="A28" s="9">
        <v>4731200418</v>
      </c>
      <c r="B28" s="9" t="s">
        <v>67</v>
      </c>
      <c r="C28" s="15" t="s">
        <v>94</v>
      </c>
      <c r="D28" s="19" t="s">
        <v>95</v>
      </c>
      <c r="E28" s="12" t="s">
        <v>104</v>
      </c>
    </row>
    <row r="29" spans="1:5" s="8" customFormat="1" ht="15" customHeight="1" x14ac:dyDescent="0.55000000000000004">
      <c r="A29" s="7">
        <v>4731200376</v>
      </c>
      <c r="B29" s="7">
        <v>4771200294</v>
      </c>
      <c r="C29" s="13" t="s">
        <v>50</v>
      </c>
      <c r="D29" s="20" t="s">
        <v>54</v>
      </c>
      <c r="E29" s="1" t="s">
        <v>59</v>
      </c>
    </row>
    <row r="30" spans="1:5" s="8" customFormat="1" ht="15" customHeight="1" x14ac:dyDescent="0.55000000000000004">
      <c r="A30" s="7">
        <v>4731200145</v>
      </c>
      <c r="B30" s="7">
        <v>4771200120</v>
      </c>
      <c r="C30" s="14" t="s">
        <v>3</v>
      </c>
      <c r="D30" s="22" t="s">
        <v>74</v>
      </c>
      <c r="E30" s="2" t="s">
        <v>19</v>
      </c>
    </row>
    <row r="31" spans="1:5" s="8" customFormat="1" ht="15" customHeight="1" x14ac:dyDescent="0.55000000000000004">
      <c r="A31" s="7">
        <v>4731200186</v>
      </c>
      <c r="B31" s="7">
        <v>4771200153</v>
      </c>
      <c r="C31" s="13" t="s">
        <v>105</v>
      </c>
      <c r="D31" s="20" t="s">
        <v>11</v>
      </c>
      <c r="E31" s="1" t="s">
        <v>20</v>
      </c>
    </row>
    <row r="32" spans="1:5" s="8" customFormat="1" ht="15" customHeight="1" x14ac:dyDescent="0.55000000000000004">
      <c r="A32" s="7">
        <v>4731200301</v>
      </c>
      <c r="B32" s="10" t="s">
        <v>67</v>
      </c>
      <c r="C32" s="13" t="s">
        <v>4</v>
      </c>
      <c r="D32" s="20" t="s">
        <v>12</v>
      </c>
      <c r="E32" s="1" t="s">
        <v>21</v>
      </c>
    </row>
    <row r="33" spans="1:5" s="8" customFormat="1" ht="15" customHeight="1" x14ac:dyDescent="0.55000000000000004">
      <c r="A33" s="7">
        <v>4731200327</v>
      </c>
      <c r="B33" s="7">
        <v>4771200260</v>
      </c>
      <c r="C33" s="13" t="s">
        <v>23</v>
      </c>
      <c r="D33" s="16" t="s">
        <v>32</v>
      </c>
      <c r="E33" s="1" t="s">
        <v>41</v>
      </c>
    </row>
    <row r="34" spans="1:5" s="8" customFormat="1" ht="15" customHeight="1" x14ac:dyDescent="0.55000000000000004">
      <c r="A34" s="7">
        <v>4731200335</v>
      </c>
      <c r="B34" s="10" t="s">
        <v>67</v>
      </c>
      <c r="C34" s="13" t="s">
        <v>24</v>
      </c>
      <c r="D34" s="20" t="s">
        <v>33</v>
      </c>
      <c r="E34" s="1" t="s">
        <v>42</v>
      </c>
    </row>
    <row r="35" spans="1:5" s="8" customFormat="1" ht="15" customHeight="1" x14ac:dyDescent="0.55000000000000004">
      <c r="A35" s="7">
        <v>4731200384</v>
      </c>
      <c r="B35" s="7">
        <v>4771200302</v>
      </c>
      <c r="C35" s="25" t="s">
        <v>71</v>
      </c>
      <c r="D35" s="26" t="s">
        <v>109</v>
      </c>
      <c r="E35" s="27" t="s">
        <v>72</v>
      </c>
    </row>
    <row r="36" spans="1:5" s="8" customFormat="1" ht="15" customHeight="1" x14ac:dyDescent="0.55000000000000004">
      <c r="A36" s="7">
        <v>4730500040</v>
      </c>
      <c r="B36" s="7">
        <v>4770500041</v>
      </c>
      <c r="C36" s="13" t="s">
        <v>6</v>
      </c>
      <c r="D36" s="20" t="s">
        <v>14</v>
      </c>
      <c r="E36" s="1" t="s">
        <v>102</v>
      </c>
    </row>
    <row r="37" spans="1:5" s="8" customFormat="1" ht="15" customHeight="1" x14ac:dyDescent="0.55000000000000004">
      <c r="A37" s="7">
        <v>4731200368</v>
      </c>
      <c r="B37" s="7">
        <v>4771200286</v>
      </c>
      <c r="C37" s="13" t="s">
        <v>68</v>
      </c>
      <c r="D37" s="20" t="s">
        <v>69</v>
      </c>
      <c r="E37" s="1" t="s">
        <v>70</v>
      </c>
    </row>
    <row r="38" spans="1:5" s="8" customFormat="1" ht="15" customHeight="1" x14ac:dyDescent="0.55000000000000004">
      <c r="A38" s="7">
        <v>4731200343</v>
      </c>
      <c r="B38" s="7">
        <v>4771200278</v>
      </c>
      <c r="C38" s="13" t="s">
        <v>30</v>
      </c>
      <c r="D38" s="20" t="s">
        <v>39</v>
      </c>
      <c r="E38" s="1" t="s">
        <v>48</v>
      </c>
    </row>
    <row r="39" spans="1:5" s="8" customFormat="1" ht="15" customHeight="1" x14ac:dyDescent="0.55000000000000004">
      <c r="A39" s="9">
        <v>4730300367</v>
      </c>
      <c r="B39" s="9">
        <v>4770300327</v>
      </c>
      <c r="C39" s="15" t="s">
        <v>100</v>
      </c>
      <c r="D39" s="19" t="s">
        <v>116</v>
      </c>
      <c r="E39" s="12" t="s">
        <v>101</v>
      </c>
    </row>
    <row r="40" spans="1:5" s="8" customFormat="1" ht="15" customHeight="1" x14ac:dyDescent="0.55000000000000004">
      <c r="A40" s="7">
        <v>4731700235</v>
      </c>
      <c r="B40" s="7">
        <v>4771700210</v>
      </c>
      <c r="C40" s="13" t="s">
        <v>53</v>
      </c>
      <c r="D40" s="20" t="s">
        <v>57</v>
      </c>
      <c r="E40" s="1" t="s">
        <v>80</v>
      </c>
    </row>
    <row r="41" spans="1:5" ht="15" x14ac:dyDescent="0.55000000000000004">
      <c r="A41" s="9"/>
      <c r="B41" s="9"/>
      <c r="C41" s="15"/>
      <c r="D41" s="19"/>
      <c r="E41" s="12"/>
    </row>
    <row r="42" spans="1:5" ht="15" x14ac:dyDescent="0.55000000000000004">
      <c r="C42" s="18"/>
      <c r="D42" s="18"/>
    </row>
  </sheetData>
  <autoFilter ref="A3:E3" xr:uid="{9C4DFECA-A7C2-4D53-B016-232980922C0B}">
    <sortState xmlns:xlrd2="http://schemas.microsoft.com/office/spreadsheetml/2017/richdata2" ref="A4:E40">
      <sortCondition ref="D3"/>
    </sortState>
  </autoFilter>
  <phoneticPr fontId="1"/>
  <pageMargins left="0.7" right="0.7" top="0.75" bottom="0.75" header="0.3" footer="0.3"/>
  <pageSetup paperSize="9" scale="96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HP用251001</vt:lpstr>
      <vt:lpstr>HP用25100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宗根　和真</dc:creator>
  <cp:lastModifiedBy>江田　睦子</cp:lastModifiedBy>
  <cp:lastPrinted>2025-10-15T05:25:40Z</cp:lastPrinted>
  <dcterms:created xsi:type="dcterms:W3CDTF">2024-08-20T04:42:48Z</dcterms:created>
  <dcterms:modified xsi:type="dcterms:W3CDTF">2025-10-15T06:10:06Z</dcterms:modified>
</cp:coreProperties>
</file>